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7年度\06_完成版（起案用）\02_財政編\"/>
    </mc:Choice>
  </mc:AlternateContent>
  <xr:revisionPtr revIDLastSave="0" documentId="13_ncr:1_{D0CEFE86-6D7B-41BE-92FC-F49D771CC22E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15-1(積立金合計)" sheetId="1" r:id="rId1"/>
    <sheet name="15-2（財調）" sheetId="2" r:id="rId2"/>
    <sheet name="15-3（減債）" sheetId="3" r:id="rId3"/>
    <sheet name="15-4（その他特目）" sheetId="4" r:id="rId4"/>
  </sheets>
  <externalReferences>
    <externalReference r:id="rId5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5-1(積立金合計)'!$A$1:$G$39</definedName>
    <definedName name="_xlnm.Print_Area" localSheetId="1">'15-2（財調）'!$A$1:$G$39</definedName>
    <definedName name="_xlnm.Print_Area" localSheetId="2">'15-3（減債）'!$A$1:$G$39</definedName>
    <definedName name="_xlnm.Print_Area" localSheetId="3">'15-4（その他特目）'!$A$1:$G$39</definedName>
    <definedName name="_xlnm.Print_Titles" localSheetId="0">'15-1(積立金合計)'!$A:$A</definedName>
    <definedName name="_xlnm.Print_Titles" localSheetId="1">'15-2（財調）'!$A:$A</definedName>
    <definedName name="_xlnm.Print_Titles" localSheetId="2">'15-3（減債）'!$A:$A</definedName>
    <definedName name="_xlnm.Print_Titles" localSheetId="3">'15-4（その他特目）'!$A:$A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08" uniqueCount="60">
  <si>
    <t>歳計剰余金</t>
  </si>
  <si>
    <t>歳出決算額</t>
    <rPh sb="0" eb="2">
      <t>サイシュツ</t>
    </rPh>
    <rPh sb="2" eb="4">
      <t>ケッサン</t>
    </rPh>
    <rPh sb="4" eb="5">
      <t>ガク</t>
    </rPh>
    <phoneticPr fontId="2"/>
  </si>
  <si>
    <t>Ａ</t>
  </si>
  <si>
    <t>Ｂ</t>
  </si>
  <si>
    <t>Ｃ</t>
  </si>
  <si>
    <t>Ａ＋Ｂ－Ｃ</t>
    <phoneticPr fontId="2"/>
  </si>
  <si>
    <t>Ｄ</t>
    <phoneticPr fontId="2"/>
  </si>
  <si>
    <t>取崩し額</t>
    <phoneticPr fontId="2"/>
  </si>
  <si>
    <t>処分による</t>
    <phoneticPr fontId="2"/>
  </si>
  <si>
    <t>調整額</t>
    <phoneticPr fontId="2"/>
  </si>
  <si>
    <t>現在高</t>
    <phoneticPr fontId="2"/>
  </si>
  <si>
    <t>もの</t>
    <phoneticPr fontId="2"/>
  </si>
  <si>
    <t>Ｅ</t>
    <phoneticPr fontId="2"/>
  </si>
  <si>
    <t>＋Ｄ＋Ｅ</t>
    <phoneticPr fontId="2"/>
  </si>
  <si>
    <t>現在高</t>
  </si>
  <si>
    <t>取崩し額</t>
  </si>
  <si>
    <t>処分による</t>
  </si>
  <si>
    <t>調整額</t>
  </si>
  <si>
    <t>もの</t>
  </si>
  <si>
    <t>Ａ＋Ｂ－Ｃ</t>
  </si>
  <si>
    <t>Ｄ</t>
  </si>
  <si>
    <t>Ｅ</t>
  </si>
  <si>
    <t>＋Ｄ＋Ｅ</t>
  </si>
  <si>
    <t>茅ヶ崎市</t>
    <phoneticPr fontId="2"/>
  </si>
  <si>
    <t>鎌倉市</t>
    <phoneticPr fontId="2"/>
  </si>
  <si>
    <t>南足柄市</t>
    <phoneticPr fontId="2"/>
  </si>
  <si>
    <t>開成町</t>
    <phoneticPr fontId="2"/>
  </si>
  <si>
    <t>箱根町</t>
    <phoneticPr fontId="2"/>
  </si>
  <si>
    <t>真鶴町</t>
    <phoneticPr fontId="2"/>
  </si>
  <si>
    <t>湯河原町</t>
    <phoneticPr fontId="2"/>
  </si>
  <si>
    <t>愛川町</t>
    <phoneticPr fontId="2"/>
  </si>
  <si>
    <t>清川村</t>
    <phoneticPr fontId="2"/>
  </si>
  <si>
    <t>市町村計</t>
    <phoneticPr fontId="2"/>
  </si>
  <si>
    <t>横浜市</t>
    <phoneticPr fontId="2"/>
  </si>
  <si>
    <t>川崎市</t>
    <phoneticPr fontId="2"/>
  </si>
  <si>
    <t>相模原市</t>
    <phoneticPr fontId="2"/>
  </si>
  <si>
    <t>横須賀市</t>
    <phoneticPr fontId="2"/>
  </si>
  <si>
    <t>平塚市</t>
    <phoneticPr fontId="2"/>
  </si>
  <si>
    <t>藤沢市</t>
    <phoneticPr fontId="2"/>
  </si>
  <si>
    <t>小田原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伊勢原市</t>
    <phoneticPr fontId="2"/>
  </si>
  <si>
    <t>海老名市</t>
    <phoneticPr fontId="2"/>
  </si>
  <si>
    <t>座間市</t>
    <phoneticPr fontId="2"/>
  </si>
  <si>
    <t>綾瀬市</t>
    <phoneticPr fontId="2"/>
  </si>
  <si>
    <t>葉山町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令和５年度末</t>
    <rPh sb="0" eb="2">
      <t>レイワ</t>
    </rPh>
    <phoneticPr fontId="2"/>
  </si>
  <si>
    <t>令和６年度</t>
    <rPh sb="0" eb="2">
      <t>レイワ</t>
    </rPh>
    <rPh sb="3" eb="5">
      <t>ネンド</t>
    </rPh>
    <phoneticPr fontId="1"/>
  </si>
  <si>
    <t>令和６年度末</t>
    <rPh sb="0" eb="2">
      <t>レイワ</t>
    </rPh>
    <rPh sb="3" eb="6">
      <t>ネンドマツ</t>
    </rPh>
    <rPh sb="5" eb="6">
      <t>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4" xfId="0" quotePrefix="1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0" fontId="3" fillId="0" borderId="6" xfId="0" applyFont="1" applyBorder="1" applyAlignment="1">
      <alignment horizontal="center" vertical="center"/>
    </xf>
    <xf numFmtId="176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5" xfId="0" applyNumberFormat="1" applyFont="1" applyBorder="1" applyAlignment="1">
      <alignment vertical="center" shrinkToFit="1"/>
    </xf>
    <xf numFmtId="176" fontId="3" fillId="0" borderId="6" xfId="0" applyNumberFormat="1" applyFont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8" xfId="0" applyFont="1" applyBorder="1" applyAlignment="1">
      <alignment horizontal="center" vertical="center"/>
    </xf>
    <xf numFmtId="176" fontId="3" fillId="0" borderId="8" xfId="0" applyNumberFormat="1" applyFont="1" applyBorder="1" applyAlignment="1">
      <alignment vertical="center" shrinkToFit="1"/>
    </xf>
    <xf numFmtId="0" fontId="3" fillId="0" borderId="8" xfId="0" applyFont="1" applyFill="1" applyBorder="1" applyAlignment="1">
      <alignment horizontal="center" vertical="center"/>
    </xf>
    <xf numFmtId="176" fontId="3" fillId="0" borderId="8" xfId="0" applyNumberFormat="1" applyFont="1" applyFill="1" applyBorder="1" applyAlignment="1">
      <alignment vertical="center" shrinkToFit="1"/>
    </xf>
    <xf numFmtId="0" fontId="3" fillId="0" borderId="3" xfId="0" applyNumberFormat="1" applyFont="1" applyFill="1" applyBorder="1" applyAlignment="1">
      <alignment horizontal="center" vertical="center" shrinkToFit="1"/>
    </xf>
    <xf numFmtId="0" fontId="3" fillId="0" borderId="4" xfId="0" applyNumberFormat="1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G39"/>
  <sheetViews>
    <sheetView tabSelected="1" zoomScaleNormal="100" zoomScaleSheetLayoutView="100" workbookViewId="0"/>
  </sheetViews>
  <sheetFormatPr defaultColWidth="9.19921875" defaultRowHeight="10.8"/>
  <cols>
    <col min="1" max="1" width="14.09765625" style="13" customWidth="1"/>
    <col min="2" max="16384" width="9.199218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10</v>
      </c>
      <c r="C3" s="4" t="s">
        <v>1</v>
      </c>
      <c r="D3" s="4" t="s">
        <v>7</v>
      </c>
      <c r="E3" s="4" t="s">
        <v>8</v>
      </c>
      <c r="F3" s="4" t="s">
        <v>9</v>
      </c>
      <c r="G3" s="4" t="s">
        <v>10</v>
      </c>
    </row>
    <row r="4" spans="1:7" s="3" customFormat="1" ht="17.25" customHeight="1">
      <c r="A4" s="4"/>
      <c r="B4" s="4"/>
      <c r="C4" s="4"/>
      <c r="D4" s="4"/>
      <c r="E4" s="4" t="s">
        <v>11</v>
      </c>
      <c r="F4" s="4"/>
      <c r="G4" s="4" t="s">
        <v>5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6</v>
      </c>
      <c r="F5" s="5" t="s">
        <v>12</v>
      </c>
      <c r="G5" s="6" t="s">
        <v>13</v>
      </c>
    </row>
    <row r="6" spans="1:7" ht="17.25" customHeight="1">
      <c r="A6" s="7" t="s">
        <v>33</v>
      </c>
      <c r="B6" s="14">
        <v>71354072</v>
      </c>
      <c r="C6" s="14">
        <v>25685012</v>
      </c>
      <c r="D6" s="14">
        <v>29709843</v>
      </c>
      <c r="E6" s="14">
        <v>3721771</v>
      </c>
      <c r="F6" s="14">
        <v>0</v>
      </c>
      <c r="G6" s="14">
        <v>71051012</v>
      </c>
    </row>
    <row r="7" spans="1:7" s="10" customFormat="1" ht="17.25" customHeight="1">
      <c r="A7" s="9" t="s">
        <v>34</v>
      </c>
      <c r="B7" s="15">
        <v>33401854</v>
      </c>
      <c r="C7" s="15">
        <v>2417752</v>
      </c>
      <c r="D7" s="15">
        <v>9202083</v>
      </c>
      <c r="E7" s="15">
        <v>4191794</v>
      </c>
      <c r="F7" s="15">
        <v>0</v>
      </c>
      <c r="G7" s="15">
        <v>30809317</v>
      </c>
    </row>
    <row r="8" spans="1:7" ht="17.25" customHeight="1">
      <c r="A8" s="18" t="s">
        <v>35</v>
      </c>
      <c r="B8" s="19">
        <v>54003985</v>
      </c>
      <c r="C8" s="19">
        <v>5031045</v>
      </c>
      <c r="D8" s="19">
        <v>5480123</v>
      </c>
      <c r="E8" s="19">
        <v>800000</v>
      </c>
      <c r="F8" s="19">
        <v>0</v>
      </c>
      <c r="G8" s="19">
        <v>54354907</v>
      </c>
    </row>
    <row r="9" spans="1:7" ht="17.25" customHeight="1">
      <c r="A9" s="9" t="s">
        <v>36</v>
      </c>
      <c r="B9" s="15">
        <v>17623128</v>
      </c>
      <c r="C9" s="15">
        <v>1940760</v>
      </c>
      <c r="D9" s="15">
        <v>4596093</v>
      </c>
      <c r="E9" s="15">
        <v>2480000</v>
      </c>
      <c r="F9" s="15">
        <v>2</v>
      </c>
      <c r="G9" s="15">
        <v>17447797</v>
      </c>
    </row>
    <row r="10" spans="1:7" s="10" customFormat="1" ht="17.25" customHeight="1">
      <c r="A10" s="9" t="s">
        <v>37</v>
      </c>
      <c r="B10" s="15">
        <v>19020265</v>
      </c>
      <c r="C10" s="15">
        <v>2999541</v>
      </c>
      <c r="D10" s="15">
        <v>3598359</v>
      </c>
      <c r="E10" s="15">
        <v>0</v>
      </c>
      <c r="F10" s="15">
        <v>0</v>
      </c>
      <c r="G10" s="15">
        <v>18421447</v>
      </c>
    </row>
    <row r="11" spans="1:7" s="10" customFormat="1" ht="17.25" customHeight="1">
      <c r="A11" s="9" t="s">
        <v>24</v>
      </c>
      <c r="B11" s="15">
        <v>16234781</v>
      </c>
      <c r="C11" s="15">
        <v>2438663</v>
      </c>
      <c r="D11" s="15">
        <v>3668548</v>
      </c>
      <c r="E11" s="15">
        <v>0</v>
      </c>
      <c r="F11" s="15">
        <v>0</v>
      </c>
      <c r="G11" s="15">
        <v>15004896</v>
      </c>
    </row>
    <row r="12" spans="1:7" s="10" customFormat="1" ht="17.25" customHeight="1">
      <c r="A12" s="9" t="s">
        <v>38</v>
      </c>
      <c r="B12" s="15">
        <v>23764873</v>
      </c>
      <c r="C12" s="15">
        <v>3558599</v>
      </c>
      <c r="D12" s="15">
        <v>5342385</v>
      </c>
      <c r="E12" s="15">
        <v>0</v>
      </c>
      <c r="F12" s="15">
        <v>0</v>
      </c>
      <c r="G12" s="15">
        <v>21981087</v>
      </c>
    </row>
    <row r="13" spans="1:7" s="10" customFormat="1" ht="17.25" customHeight="1">
      <c r="A13" s="9" t="s">
        <v>39</v>
      </c>
      <c r="B13" s="15">
        <v>8594580</v>
      </c>
      <c r="C13" s="15">
        <v>31865</v>
      </c>
      <c r="D13" s="15">
        <v>2205920</v>
      </c>
      <c r="E13" s="15">
        <v>0</v>
      </c>
      <c r="F13" s="15">
        <v>1</v>
      </c>
      <c r="G13" s="15">
        <v>6420526</v>
      </c>
    </row>
    <row r="14" spans="1:7" s="10" customFormat="1" ht="17.25" customHeight="1">
      <c r="A14" s="9" t="s">
        <v>23</v>
      </c>
      <c r="B14" s="15">
        <v>18654964</v>
      </c>
      <c r="C14" s="15">
        <v>4528723</v>
      </c>
      <c r="D14" s="15">
        <v>853001</v>
      </c>
      <c r="E14" s="15">
        <v>0</v>
      </c>
      <c r="F14" s="15">
        <v>0</v>
      </c>
      <c r="G14" s="15">
        <v>22330686</v>
      </c>
    </row>
    <row r="15" spans="1:7" s="10" customFormat="1" ht="17.25" customHeight="1">
      <c r="A15" s="9" t="s">
        <v>40</v>
      </c>
      <c r="B15" s="15">
        <v>6142271</v>
      </c>
      <c r="C15" s="15">
        <v>1745677</v>
      </c>
      <c r="D15" s="15">
        <v>1824629</v>
      </c>
      <c r="E15" s="15">
        <v>0</v>
      </c>
      <c r="F15" s="15">
        <v>0</v>
      </c>
      <c r="G15" s="15">
        <v>6063319</v>
      </c>
    </row>
    <row r="16" spans="1:7" s="10" customFormat="1" ht="17.25" customHeight="1">
      <c r="A16" s="9" t="s">
        <v>41</v>
      </c>
      <c r="B16" s="15">
        <v>4963833</v>
      </c>
      <c r="C16" s="15">
        <v>445607</v>
      </c>
      <c r="D16" s="15">
        <v>1030838</v>
      </c>
      <c r="E16" s="15">
        <v>135496</v>
      </c>
      <c r="F16" s="15">
        <v>0</v>
      </c>
      <c r="G16" s="15">
        <v>4514098</v>
      </c>
    </row>
    <row r="17" spans="1:7" s="10" customFormat="1" ht="17.25" customHeight="1">
      <c r="A17" s="9" t="s">
        <v>42</v>
      </c>
      <c r="B17" s="15">
        <v>5614208</v>
      </c>
      <c r="C17" s="15">
        <v>587972</v>
      </c>
      <c r="D17" s="15">
        <v>1561538</v>
      </c>
      <c r="E17" s="15">
        <v>1020000</v>
      </c>
      <c r="F17" s="15">
        <v>-1</v>
      </c>
      <c r="G17" s="15">
        <v>5660641</v>
      </c>
    </row>
    <row r="18" spans="1:7" s="10" customFormat="1" ht="17.25" customHeight="1">
      <c r="A18" s="9" t="s">
        <v>43</v>
      </c>
      <c r="B18" s="15">
        <v>31567695</v>
      </c>
      <c r="C18" s="15">
        <v>3280222</v>
      </c>
      <c r="D18" s="15">
        <v>3276163</v>
      </c>
      <c r="E18" s="15">
        <v>0</v>
      </c>
      <c r="F18" s="15">
        <v>0</v>
      </c>
      <c r="G18" s="15">
        <v>31571754</v>
      </c>
    </row>
    <row r="19" spans="1:7" s="10" customFormat="1" ht="17.25" customHeight="1">
      <c r="A19" s="9" t="s">
        <v>44</v>
      </c>
      <c r="B19" s="15">
        <v>8147061</v>
      </c>
      <c r="C19" s="15">
        <v>272178</v>
      </c>
      <c r="D19" s="15">
        <v>3293184</v>
      </c>
      <c r="E19" s="15">
        <v>1150000</v>
      </c>
      <c r="F19" s="15">
        <v>0</v>
      </c>
      <c r="G19" s="15">
        <v>6276055</v>
      </c>
    </row>
    <row r="20" spans="1:7" s="10" customFormat="1" ht="17.25" customHeight="1">
      <c r="A20" s="9" t="s">
        <v>45</v>
      </c>
      <c r="B20" s="15">
        <v>3014574</v>
      </c>
      <c r="C20" s="15">
        <v>351178</v>
      </c>
      <c r="D20" s="15">
        <v>1287794</v>
      </c>
      <c r="E20" s="15">
        <v>0</v>
      </c>
      <c r="F20" s="15">
        <v>-1</v>
      </c>
      <c r="G20" s="15">
        <v>2077957</v>
      </c>
    </row>
    <row r="21" spans="1:7" s="10" customFormat="1" ht="17.25" customHeight="1">
      <c r="A21" s="9" t="s">
        <v>46</v>
      </c>
      <c r="B21" s="15">
        <v>8848344</v>
      </c>
      <c r="C21" s="15">
        <v>2810072</v>
      </c>
      <c r="D21" s="15">
        <v>2624146</v>
      </c>
      <c r="E21" s="15">
        <v>0</v>
      </c>
      <c r="F21" s="15">
        <v>0</v>
      </c>
      <c r="G21" s="15">
        <v>9034270</v>
      </c>
    </row>
    <row r="22" spans="1:7" s="10" customFormat="1" ht="17.25" customHeight="1">
      <c r="A22" s="9" t="s">
        <v>47</v>
      </c>
      <c r="B22" s="15">
        <v>3812309</v>
      </c>
      <c r="C22" s="15">
        <v>3398304</v>
      </c>
      <c r="D22" s="15">
        <v>2687149</v>
      </c>
      <c r="E22" s="15">
        <v>0</v>
      </c>
      <c r="F22" s="15">
        <v>-2046</v>
      </c>
      <c r="G22" s="15">
        <v>4521418</v>
      </c>
    </row>
    <row r="23" spans="1:7" s="10" customFormat="1" ht="17.25" customHeight="1">
      <c r="A23" s="9" t="s">
        <v>25</v>
      </c>
      <c r="B23" s="15">
        <v>6752356</v>
      </c>
      <c r="C23" s="15">
        <v>1737775</v>
      </c>
      <c r="D23" s="15">
        <v>2170508</v>
      </c>
      <c r="E23" s="15">
        <v>0</v>
      </c>
      <c r="F23" s="15">
        <v>0</v>
      </c>
      <c r="G23" s="15">
        <v>6319623</v>
      </c>
    </row>
    <row r="24" spans="1:7" ht="17.25" customHeight="1">
      <c r="A24" s="18" t="s">
        <v>48</v>
      </c>
      <c r="B24" s="19">
        <v>8107435</v>
      </c>
      <c r="C24" s="19">
        <v>467353</v>
      </c>
      <c r="D24" s="19">
        <v>492551</v>
      </c>
      <c r="E24" s="19">
        <v>0</v>
      </c>
      <c r="F24" s="19">
        <v>0</v>
      </c>
      <c r="G24" s="19">
        <v>8082237</v>
      </c>
    </row>
    <row r="25" spans="1:7" ht="17.25" customHeight="1">
      <c r="A25" s="9" t="s">
        <v>49</v>
      </c>
      <c r="B25" s="15">
        <v>3540968</v>
      </c>
      <c r="C25" s="15">
        <v>856921</v>
      </c>
      <c r="D25" s="15">
        <v>726500</v>
      </c>
      <c r="E25" s="15">
        <v>0</v>
      </c>
      <c r="F25" s="15">
        <v>0</v>
      </c>
      <c r="G25" s="15">
        <v>3671389</v>
      </c>
    </row>
    <row r="26" spans="1:7" s="10" customFormat="1" ht="17.25" customHeight="1">
      <c r="A26" s="9" t="s">
        <v>50</v>
      </c>
      <c r="B26" s="15">
        <v>5070887</v>
      </c>
      <c r="C26" s="15">
        <v>2032456</v>
      </c>
      <c r="D26" s="15">
        <v>1425291</v>
      </c>
      <c r="E26" s="15">
        <v>0</v>
      </c>
      <c r="F26" s="15">
        <v>0</v>
      </c>
      <c r="G26" s="15">
        <v>5678052</v>
      </c>
    </row>
    <row r="27" spans="1:7" s="10" customFormat="1" ht="17.25" customHeight="1">
      <c r="A27" s="9" t="s">
        <v>51</v>
      </c>
      <c r="B27" s="15">
        <v>4793971</v>
      </c>
      <c r="C27" s="15">
        <v>873828</v>
      </c>
      <c r="D27" s="15">
        <v>850076</v>
      </c>
      <c r="E27" s="15">
        <v>0</v>
      </c>
      <c r="F27" s="15">
        <v>0</v>
      </c>
      <c r="G27" s="15">
        <v>4817723</v>
      </c>
    </row>
    <row r="28" spans="1:7" s="10" customFormat="1" ht="17.25" customHeight="1">
      <c r="A28" s="9" t="s">
        <v>52</v>
      </c>
      <c r="B28" s="15">
        <v>2556939</v>
      </c>
      <c r="C28" s="15">
        <v>317155</v>
      </c>
      <c r="D28" s="15">
        <v>445889</v>
      </c>
      <c r="E28" s="15">
        <v>0</v>
      </c>
      <c r="F28" s="15">
        <v>0</v>
      </c>
      <c r="G28" s="15">
        <v>2428205</v>
      </c>
    </row>
    <row r="29" spans="1:7" s="10" customFormat="1" ht="17.25" customHeight="1">
      <c r="A29" s="9" t="s">
        <v>53</v>
      </c>
      <c r="B29" s="15">
        <v>3094500</v>
      </c>
      <c r="C29" s="15">
        <v>2667</v>
      </c>
      <c r="D29" s="15">
        <v>0</v>
      </c>
      <c r="E29" s="15">
        <v>100000</v>
      </c>
      <c r="F29" s="15">
        <v>0</v>
      </c>
      <c r="G29" s="15">
        <v>3197167</v>
      </c>
    </row>
    <row r="30" spans="1:7" s="10" customFormat="1" ht="17.25" customHeight="1">
      <c r="A30" s="9" t="s">
        <v>54</v>
      </c>
      <c r="B30" s="15">
        <v>2117042</v>
      </c>
      <c r="C30" s="15">
        <v>46726</v>
      </c>
      <c r="D30" s="15">
        <v>0</v>
      </c>
      <c r="E30" s="15">
        <v>0</v>
      </c>
      <c r="F30" s="15">
        <v>0</v>
      </c>
      <c r="G30" s="15">
        <v>2163768</v>
      </c>
    </row>
    <row r="31" spans="1:7" s="10" customFormat="1" ht="17.25" customHeight="1">
      <c r="A31" s="9" t="s">
        <v>55</v>
      </c>
      <c r="B31" s="15">
        <v>2239330</v>
      </c>
      <c r="C31" s="15">
        <v>350752</v>
      </c>
      <c r="D31" s="15">
        <v>177169</v>
      </c>
      <c r="E31" s="15">
        <v>25000</v>
      </c>
      <c r="F31" s="15">
        <v>0</v>
      </c>
      <c r="G31" s="15">
        <v>2437913</v>
      </c>
    </row>
    <row r="32" spans="1:7" s="10" customFormat="1" ht="17.25" customHeight="1">
      <c r="A32" s="9" t="s">
        <v>56</v>
      </c>
      <c r="B32" s="15">
        <v>2741754</v>
      </c>
      <c r="C32" s="15">
        <v>359357</v>
      </c>
      <c r="D32" s="15">
        <v>208882</v>
      </c>
      <c r="E32" s="15">
        <v>0</v>
      </c>
      <c r="F32" s="15">
        <v>0</v>
      </c>
      <c r="G32" s="15">
        <v>2892229</v>
      </c>
    </row>
    <row r="33" spans="1:7" s="10" customFormat="1" ht="17.25" customHeight="1">
      <c r="A33" s="9" t="s">
        <v>26</v>
      </c>
      <c r="B33" s="15">
        <v>1920781</v>
      </c>
      <c r="C33" s="15">
        <v>531904</v>
      </c>
      <c r="D33" s="15">
        <v>272516</v>
      </c>
      <c r="E33" s="15">
        <v>0</v>
      </c>
      <c r="F33" s="15">
        <v>0</v>
      </c>
      <c r="G33" s="15">
        <v>2180169</v>
      </c>
    </row>
    <row r="34" spans="1:7" s="10" customFormat="1" ht="17.25" customHeight="1">
      <c r="A34" s="9" t="s">
        <v>27</v>
      </c>
      <c r="B34" s="15">
        <v>2536972</v>
      </c>
      <c r="C34" s="15">
        <v>1438239</v>
      </c>
      <c r="D34" s="15">
        <v>789165</v>
      </c>
      <c r="E34" s="15">
        <v>0</v>
      </c>
      <c r="F34" s="15">
        <v>0</v>
      </c>
      <c r="G34" s="15">
        <v>3186046</v>
      </c>
    </row>
    <row r="35" spans="1:7" s="10" customFormat="1" ht="17.25" customHeight="1">
      <c r="A35" s="9" t="s">
        <v>28</v>
      </c>
      <c r="B35" s="15">
        <v>805525</v>
      </c>
      <c r="C35" s="15">
        <v>181680</v>
      </c>
      <c r="D35" s="15">
        <v>159323</v>
      </c>
      <c r="E35" s="15">
        <v>0</v>
      </c>
      <c r="F35" s="15">
        <v>0</v>
      </c>
      <c r="G35" s="15">
        <v>827882</v>
      </c>
    </row>
    <row r="36" spans="1:7" s="10" customFormat="1" ht="17.25" customHeight="1">
      <c r="A36" s="9" t="s">
        <v>29</v>
      </c>
      <c r="B36" s="15">
        <v>2336808</v>
      </c>
      <c r="C36" s="15">
        <v>1093031</v>
      </c>
      <c r="D36" s="15">
        <v>1091266</v>
      </c>
      <c r="E36" s="15">
        <v>0</v>
      </c>
      <c r="F36" s="15">
        <v>0</v>
      </c>
      <c r="G36" s="15">
        <v>2338573</v>
      </c>
    </row>
    <row r="37" spans="1:7" s="10" customFormat="1" ht="17.25" customHeight="1">
      <c r="A37" s="9" t="s">
        <v>30</v>
      </c>
      <c r="B37" s="15">
        <v>2673028</v>
      </c>
      <c r="C37" s="15">
        <v>443098</v>
      </c>
      <c r="D37" s="15">
        <v>177960</v>
      </c>
      <c r="E37" s="15">
        <v>0</v>
      </c>
      <c r="F37" s="15">
        <v>0</v>
      </c>
      <c r="G37" s="15">
        <v>2938166</v>
      </c>
    </row>
    <row r="38" spans="1:7" ht="17.25" customHeight="1">
      <c r="A38" s="11" t="s">
        <v>31</v>
      </c>
      <c r="B38" s="16">
        <v>2700844</v>
      </c>
      <c r="C38" s="16">
        <v>265194</v>
      </c>
      <c r="D38" s="16">
        <v>277478</v>
      </c>
      <c r="E38" s="16">
        <v>0</v>
      </c>
      <c r="F38" s="16">
        <v>0</v>
      </c>
      <c r="G38" s="16">
        <v>2688560</v>
      </c>
    </row>
    <row r="39" spans="1:7" ht="17.25" customHeight="1">
      <c r="A39" s="12" t="s">
        <v>32</v>
      </c>
      <c r="B39" s="17">
        <v>388751937</v>
      </c>
      <c r="C39" s="17">
        <v>72521306</v>
      </c>
      <c r="D39" s="17">
        <v>91506370</v>
      </c>
      <c r="E39" s="17">
        <v>13624061</v>
      </c>
      <c r="F39" s="17">
        <v>-2045</v>
      </c>
      <c r="G39" s="17">
        <v>383388889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６年度市町村普通会計決算状況
 （５）ア　積立金現在高（合計）［&amp;P/&amp;N］&amp;R&amp;"ＭＳ ゴシック,標準"&amp;10
（単位：千円）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G39"/>
  <sheetViews>
    <sheetView zoomScaleNormal="100" zoomScaleSheetLayoutView="100" workbookViewId="0"/>
  </sheetViews>
  <sheetFormatPr defaultColWidth="9.19921875" defaultRowHeight="10.8"/>
  <cols>
    <col min="1" max="1" width="14.09765625" style="13" customWidth="1"/>
    <col min="2" max="16384" width="9.199218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14</v>
      </c>
      <c r="C3" s="4" t="s">
        <v>1</v>
      </c>
      <c r="D3" s="4" t="s">
        <v>15</v>
      </c>
      <c r="E3" s="4" t="s">
        <v>16</v>
      </c>
      <c r="F3" s="4" t="s">
        <v>17</v>
      </c>
      <c r="G3" s="4" t="s">
        <v>14</v>
      </c>
    </row>
    <row r="4" spans="1:7" s="3" customFormat="1" ht="17.25" customHeight="1">
      <c r="A4" s="4"/>
      <c r="B4" s="4"/>
      <c r="C4" s="4"/>
      <c r="D4" s="4"/>
      <c r="E4" s="4" t="s">
        <v>18</v>
      </c>
      <c r="F4" s="4"/>
      <c r="G4" s="4" t="s">
        <v>19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20</v>
      </c>
      <c r="F5" s="5" t="s">
        <v>21</v>
      </c>
      <c r="G5" s="6" t="s">
        <v>22</v>
      </c>
    </row>
    <row r="6" spans="1:7" ht="17.25" customHeight="1">
      <c r="A6" s="7" t="s">
        <v>33</v>
      </c>
      <c r="B6" s="14">
        <v>51648281</v>
      </c>
      <c r="C6" s="14">
        <v>15004872</v>
      </c>
      <c r="D6" s="14">
        <v>24055915</v>
      </c>
      <c r="E6" s="14">
        <v>3721771</v>
      </c>
      <c r="F6" s="14">
        <v>0</v>
      </c>
      <c r="G6" s="14">
        <v>46319009</v>
      </c>
    </row>
    <row r="7" spans="1:7" s="10" customFormat="1" ht="17.25" customHeight="1">
      <c r="A7" s="9" t="s">
        <v>34</v>
      </c>
      <c r="B7" s="15">
        <v>7350973</v>
      </c>
      <c r="C7" s="15">
        <v>244277</v>
      </c>
      <c r="D7" s="15">
        <v>5924915</v>
      </c>
      <c r="E7" s="15">
        <v>4191794</v>
      </c>
      <c r="F7" s="15">
        <v>0</v>
      </c>
      <c r="G7" s="15">
        <v>5862129</v>
      </c>
    </row>
    <row r="8" spans="1:7" ht="17.25" customHeight="1">
      <c r="A8" s="18" t="s">
        <v>35</v>
      </c>
      <c r="B8" s="19">
        <v>28860635</v>
      </c>
      <c r="C8" s="19">
        <v>30000</v>
      </c>
      <c r="D8" s="19">
        <v>1800000</v>
      </c>
      <c r="E8" s="19">
        <v>800000</v>
      </c>
      <c r="F8" s="19">
        <v>0</v>
      </c>
      <c r="G8" s="19">
        <v>27890635</v>
      </c>
    </row>
    <row r="9" spans="1:7" ht="17.25" customHeight="1">
      <c r="A9" s="9" t="s">
        <v>36</v>
      </c>
      <c r="B9" s="15">
        <v>11509084</v>
      </c>
      <c r="C9" s="15">
        <v>8232</v>
      </c>
      <c r="D9" s="15">
        <v>3112750</v>
      </c>
      <c r="E9" s="15">
        <v>2480000</v>
      </c>
      <c r="F9" s="15">
        <v>0</v>
      </c>
      <c r="G9" s="15">
        <v>10884566</v>
      </c>
    </row>
    <row r="10" spans="1:7" s="10" customFormat="1" ht="17.25" customHeight="1">
      <c r="A10" s="9" t="s">
        <v>37</v>
      </c>
      <c r="B10" s="15">
        <v>7396211</v>
      </c>
      <c r="C10" s="15">
        <v>440126</v>
      </c>
      <c r="D10" s="15">
        <v>955838</v>
      </c>
      <c r="E10" s="15">
        <v>0</v>
      </c>
      <c r="F10" s="15">
        <v>0</v>
      </c>
      <c r="G10" s="15">
        <v>6880499</v>
      </c>
    </row>
    <row r="11" spans="1:7" s="10" customFormat="1" ht="17.25" customHeight="1">
      <c r="A11" s="9" t="s">
        <v>24</v>
      </c>
      <c r="B11" s="15">
        <v>8826221</v>
      </c>
      <c r="C11" s="15">
        <v>1955839</v>
      </c>
      <c r="D11" s="15">
        <v>3503650</v>
      </c>
      <c r="E11" s="15">
        <v>0</v>
      </c>
      <c r="F11" s="15">
        <v>0</v>
      </c>
      <c r="G11" s="15">
        <v>7278410</v>
      </c>
    </row>
    <row r="12" spans="1:7" s="10" customFormat="1" ht="17.25" customHeight="1">
      <c r="A12" s="9" t="s">
        <v>38</v>
      </c>
      <c r="B12" s="15">
        <v>13398107</v>
      </c>
      <c r="C12" s="15">
        <v>2008277</v>
      </c>
      <c r="D12" s="15">
        <v>4000000</v>
      </c>
      <c r="E12" s="15">
        <v>0</v>
      </c>
      <c r="F12" s="15">
        <v>0</v>
      </c>
      <c r="G12" s="15">
        <v>11406384</v>
      </c>
    </row>
    <row r="13" spans="1:7" s="10" customFormat="1" ht="17.25" customHeight="1">
      <c r="A13" s="9" t="s">
        <v>39</v>
      </c>
      <c r="B13" s="15">
        <v>5747359</v>
      </c>
      <c r="C13" s="15">
        <v>6107</v>
      </c>
      <c r="D13" s="15">
        <v>2100000</v>
      </c>
      <c r="E13" s="15">
        <v>0</v>
      </c>
      <c r="F13" s="15">
        <v>0</v>
      </c>
      <c r="G13" s="15">
        <v>3653466</v>
      </c>
    </row>
    <row r="14" spans="1:7" s="10" customFormat="1" ht="17.25" customHeight="1">
      <c r="A14" s="9" t="s">
        <v>23</v>
      </c>
      <c r="B14" s="15">
        <v>5456552</v>
      </c>
      <c r="C14" s="15">
        <v>759947</v>
      </c>
      <c r="D14" s="15">
        <v>95752</v>
      </c>
      <c r="E14" s="15">
        <v>0</v>
      </c>
      <c r="F14" s="15">
        <v>-1</v>
      </c>
      <c r="G14" s="15">
        <v>6120746</v>
      </c>
    </row>
    <row r="15" spans="1:7" s="10" customFormat="1" ht="17.25" customHeight="1">
      <c r="A15" s="9" t="s">
        <v>40</v>
      </c>
      <c r="B15" s="15">
        <v>3865055</v>
      </c>
      <c r="C15" s="15">
        <v>927473</v>
      </c>
      <c r="D15" s="15">
        <v>990000</v>
      </c>
      <c r="E15" s="15">
        <v>0</v>
      </c>
      <c r="F15" s="15">
        <v>0</v>
      </c>
      <c r="G15" s="15">
        <v>3802528</v>
      </c>
    </row>
    <row r="16" spans="1:7" s="10" customFormat="1" ht="17.25" customHeight="1">
      <c r="A16" s="9" t="s">
        <v>41</v>
      </c>
      <c r="B16" s="15">
        <v>1209076</v>
      </c>
      <c r="C16" s="15">
        <v>55105</v>
      </c>
      <c r="D16" s="15">
        <v>300000</v>
      </c>
      <c r="E16" s="15">
        <v>135496</v>
      </c>
      <c r="F16" s="15">
        <v>0</v>
      </c>
      <c r="G16" s="15">
        <v>1099677</v>
      </c>
    </row>
    <row r="17" spans="1:7" s="10" customFormat="1" ht="17.25" customHeight="1">
      <c r="A17" s="9" t="s">
        <v>42</v>
      </c>
      <c r="B17" s="15">
        <v>4112932</v>
      </c>
      <c r="C17" s="15">
        <v>240177</v>
      </c>
      <c r="D17" s="15">
        <v>1259606</v>
      </c>
      <c r="E17" s="15">
        <v>1020000</v>
      </c>
      <c r="F17" s="15">
        <v>0</v>
      </c>
      <c r="G17" s="15">
        <v>4113503</v>
      </c>
    </row>
    <row r="18" spans="1:7" s="10" customFormat="1" ht="17.25" customHeight="1">
      <c r="A18" s="9" t="s">
        <v>43</v>
      </c>
      <c r="B18" s="15">
        <v>16078685</v>
      </c>
      <c r="C18" s="15">
        <v>3104326</v>
      </c>
      <c r="D18" s="15">
        <v>2820871</v>
      </c>
      <c r="E18" s="15">
        <v>0</v>
      </c>
      <c r="F18" s="15">
        <v>0</v>
      </c>
      <c r="G18" s="15">
        <v>16362140</v>
      </c>
    </row>
    <row r="19" spans="1:7" s="10" customFormat="1" ht="17.25" customHeight="1">
      <c r="A19" s="9" t="s">
        <v>44</v>
      </c>
      <c r="B19" s="15">
        <v>6000345</v>
      </c>
      <c r="C19" s="15">
        <v>4082</v>
      </c>
      <c r="D19" s="15">
        <v>3020700</v>
      </c>
      <c r="E19" s="15">
        <v>1150000</v>
      </c>
      <c r="F19" s="15">
        <v>0</v>
      </c>
      <c r="G19" s="15">
        <v>4133727</v>
      </c>
    </row>
    <row r="20" spans="1:7" s="10" customFormat="1" ht="17.25" customHeight="1">
      <c r="A20" s="9" t="s">
        <v>45</v>
      </c>
      <c r="B20" s="15">
        <v>1906217</v>
      </c>
      <c r="C20" s="15">
        <v>100260</v>
      </c>
      <c r="D20" s="15">
        <v>1243013</v>
      </c>
      <c r="E20" s="15">
        <v>0</v>
      </c>
      <c r="F20" s="15">
        <v>0</v>
      </c>
      <c r="G20" s="15">
        <v>763464</v>
      </c>
    </row>
    <row r="21" spans="1:7" s="10" customFormat="1" ht="17.25" customHeight="1">
      <c r="A21" s="9" t="s">
        <v>46</v>
      </c>
      <c r="B21" s="15">
        <v>2651149</v>
      </c>
      <c r="C21" s="15">
        <v>1432304</v>
      </c>
      <c r="D21" s="15">
        <v>1117483</v>
      </c>
      <c r="E21" s="15">
        <v>0</v>
      </c>
      <c r="F21" s="15">
        <v>0</v>
      </c>
      <c r="G21" s="15">
        <v>2965970</v>
      </c>
    </row>
    <row r="22" spans="1:7" s="10" customFormat="1" ht="17.25" customHeight="1">
      <c r="A22" s="9" t="s">
        <v>47</v>
      </c>
      <c r="B22" s="15">
        <v>2793893</v>
      </c>
      <c r="C22" s="15">
        <v>3035375</v>
      </c>
      <c r="D22" s="15">
        <v>2038158</v>
      </c>
      <c r="E22" s="15">
        <v>0</v>
      </c>
      <c r="F22" s="15">
        <v>-2047</v>
      </c>
      <c r="G22" s="15">
        <v>3789063</v>
      </c>
    </row>
    <row r="23" spans="1:7" s="10" customFormat="1" ht="17.25" customHeight="1">
      <c r="A23" s="9" t="s">
        <v>25</v>
      </c>
      <c r="B23" s="15">
        <v>3274374</v>
      </c>
      <c r="C23" s="15">
        <v>1265122</v>
      </c>
      <c r="D23" s="15">
        <v>1510000</v>
      </c>
      <c r="E23" s="15">
        <v>0</v>
      </c>
      <c r="F23" s="15">
        <v>0</v>
      </c>
      <c r="G23" s="15">
        <v>3029496</v>
      </c>
    </row>
    <row r="24" spans="1:7" ht="17.25" customHeight="1">
      <c r="A24" s="18" t="s">
        <v>48</v>
      </c>
      <c r="B24" s="19">
        <v>3140304</v>
      </c>
      <c r="C24" s="19">
        <v>44617</v>
      </c>
      <c r="D24" s="19">
        <v>0</v>
      </c>
      <c r="E24" s="19">
        <v>0</v>
      </c>
      <c r="F24" s="19">
        <v>0</v>
      </c>
      <c r="G24" s="19">
        <v>3184921</v>
      </c>
    </row>
    <row r="25" spans="1:7" ht="17.25" customHeight="1">
      <c r="A25" s="9" t="s">
        <v>49</v>
      </c>
      <c r="B25" s="15">
        <v>1153454</v>
      </c>
      <c r="C25" s="15">
        <v>370751</v>
      </c>
      <c r="D25" s="15">
        <v>405000</v>
      </c>
      <c r="E25" s="15">
        <v>0</v>
      </c>
      <c r="F25" s="15">
        <v>0</v>
      </c>
      <c r="G25" s="15">
        <v>1119205</v>
      </c>
    </row>
    <row r="26" spans="1:7" s="10" customFormat="1" ht="17.25" customHeight="1">
      <c r="A26" s="9" t="s">
        <v>50</v>
      </c>
      <c r="B26" s="15">
        <v>2091726</v>
      </c>
      <c r="C26" s="15">
        <v>1776935</v>
      </c>
      <c r="D26" s="15">
        <v>1391233</v>
      </c>
      <c r="E26" s="15">
        <v>0</v>
      </c>
      <c r="F26" s="15">
        <v>0</v>
      </c>
      <c r="G26" s="15">
        <v>2477428</v>
      </c>
    </row>
    <row r="27" spans="1:7" s="10" customFormat="1" ht="17.25" customHeight="1">
      <c r="A27" s="9" t="s">
        <v>51</v>
      </c>
      <c r="B27" s="15">
        <v>1311477</v>
      </c>
      <c r="C27" s="15">
        <v>726653</v>
      </c>
      <c r="D27" s="15">
        <v>667472</v>
      </c>
      <c r="E27" s="15">
        <v>0</v>
      </c>
      <c r="F27" s="15">
        <v>0</v>
      </c>
      <c r="G27" s="15">
        <v>1370658</v>
      </c>
    </row>
    <row r="28" spans="1:7" s="10" customFormat="1" ht="17.25" customHeight="1">
      <c r="A28" s="9" t="s">
        <v>52</v>
      </c>
      <c r="B28" s="15">
        <v>1006605</v>
      </c>
      <c r="C28" s="15">
        <v>207847</v>
      </c>
      <c r="D28" s="15">
        <v>335089</v>
      </c>
      <c r="E28" s="15">
        <v>0</v>
      </c>
      <c r="F28" s="15">
        <v>0</v>
      </c>
      <c r="G28" s="15">
        <v>879363</v>
      </c>
    </row>
    <row r="29" spans="1:7" s="10" customFormat="1" ht="17.25" customHeight="1">
      <c r="A29" s="9" t="s">
        <v>53</v>
      </c>
      <c r="B29" s="15">
        <v>2029780</v>
      </c>
      <c r="C29" s="15">
        <v>201</v>
      </c>
      <c r="D29" s="15">
        <v>0</v>
      </c>
      <c r="E29" s="15">
        <v>100000</v>
      </c>
      <c r="F29" s="15">
        <v>0</v>
      </c>
      <c r="G29" s="15">
        <v>2129981</v>
      </c>
    </row>
    <row r="30" spans="1:7" s="10" customFormat="1" ht="17.25" customHeight="1">
      <c r="A30" s="9" t="s">
        <v>54</v>
      </c>
      <c r="B30" s="15">
        <v>1494477</v>
      </c>
      <c r="C30" s="15">
        <v>23574</v>
      </c>
      <c r="D30" s="15">
        <v>0</v>
      </c>
      <c r="E30" s="15">
        <v>0</v>
      </c>
      <c r="F30" s="15">
        <v>0</v>
      </c>
      <c r="G30" s="15">
        <v>1518051</v>
      </c>
    </row>
    <row r="31" spans="1:7" s="10" customFormat="1" ht="17.25" customHeight="1">
      <c r="A31" s="9" t="s">
        <v>55</v>
      </c>
      <c r="B31" s="15">
        <v>1336446</v>
      </c>
      <c r="C31" s="15">
        <v>1721</v>
      </c>
      <c r="D31" s="15">
        <v>30000</v>
      </c>
      <c r="E31" s="15">
        <v>25000</v>
      </c>
      <c r="F31" s="15">
        <v>0</v>
      </c>
      <c r="G31" s="15">
        <v>1333167</v>
      </c>
    </row>
    <row r="32" spans="1:7" s="10" customFormat="1" ht="17.25" customHeight="1">
      <c r="A32" s="9" t="s">
        <v>56</v>
      </c>
      <c r="B32" s="15">
        <v>923679</v>
      </c>
      <c r="C32" s="15">
        <v>5189</v>
      </c>
      <c r="D32" s="15">
        <v>100000</v>
      </c>
      <c r="E32" s="15">
        <v>0</v>
      </c>
      <c r="F32" s="15">
        <v>0</v>
      </c>
      <c r="G32" s="15">
        <v>828868</v>
      </c>
    </row>
    <row r="33" spans="1:7" s="10" customFormat="1" ht="17.25" customHeight="1">
      <c r="A33" s="9" t="s">
        <v>26</v>
      </c>
      <c r="B33" s="15">
        <v>1119957</v>
      </c>
      <c r="C33" s="15">
        <v>501500</v>
      </c>
      <c r="D33" s="15">
        <v>200000</v>
      </c>
      <c r="E33" s="15">
        <v>0</v>
      </c>
      <c r="F33" s="15">
        <v>0</v>
      </c>
      <c r="G33" s="15">
        <v>1421457</v>
      </c>
    </row>
    <row r="34" spans="1:7" s="10" customFormat="1" ht="17.25" customHeight="1">
      <c r="A34" s="9" t="s">
        <v>27</v>
      </c>
      <c r="B34" s="15">
        <v>2033719</v>
      </c>
      <c r="C34" s="15">
        <v>1429725</v>
      </c>
      <c r="D34" s="15">
        <v>772894</v>
      </c>
      <c r="E34" s="15">
        <v>0</v>
      </c>
      <c r="F34" s="15">
        <v>0</v>
      </c>
      <c r="G34" s="15">
        <v>2690550</v>
      </c>
    </row>
    <row r="35" spans="1:7" s="10" customFormat="1" ht="17.25" customHeight="1">
      <c r="A35" s="9" t="s">
        <v>28</v>
      </c>
      <c r="B35" s="15">
        <v>375000</v>
      </c>
      <c r="C35" s="15">
        <v>0</v>
      </c>
      <c r="D35" s="15">
        <v>125000</v>
      </c>
      <c r="E35" s="15">
        <v>0</v>
      </c>
      <c r="F35" s="15">
        <v>0</v>
      </c>
      <c r="G35" s="15">
        <v>250000</v>
      </c>
    </row>
    <row r="36" spans="1:7" s="10" customFormat="1" ht="17.25" customHeight="1">
      <c r="A36" s="9" t="s">
        <v>29</v>
      </c>
      <c r="B36" s="15">
        <v>1055552</v>
      </c>
      <c r="C36" s="15">
        <v>100184</v>
      </c>
      <c r="D36" s="15">
        <v>360000</v>
      </c>
      <c r="E36" s="15">
        <v>0</v>
      </c>
      <c r="F36" s="15">
        <v>0</v>
      </c>
      <c r="G36" s="15">
        <v>795736</v>
      </c>
    </row>
    <row r="37" spans="1:7" s="10" customFormat="1" ht="17.25" customHeight="1">
      <c r="A37" s="9" t="s">
        <v>30</v>
      </c>
      <c r="B37" s="15">
        <v>1289571</v>
      </c>
      <c r="C37" s="15">
        <v>233835</v>
      </c>
      <c r="D37" s="15">
        <v>99479</v>
      </c>
      <c r="E37" s="15">
        <v>0</v>
      </c>
      <c r="F37" s="15">
        <v>0</v>
      </c>
      <c r="G37" s="15">
        <v>1423927</v>
      </c>
    </row>
    <row r="38" spans="1:7" ht="17.25" customHeight="1">
      <c r="A38" s="18" t="s">
        <v>31</v>
      </c>
      <c r="B38" s="19">
        <v>1501834</v>
      </c>
      <c r="C38" s="19">
        <v>13578</v>
      </c>
      <c r="D38" s="19">
        <v>0</v>
      </c>
      <c r="E38" s="19">
        <v>0</v>
      </c>
      <c r="F38" s="19">
        <v>0</v>
      </c>
      <c r="G38" s="19">
        <v>1515412</v>
      </c>
    </row>
    <row r="39" spans="1:7" ht="17.25" customHeight="1">
      <c r="A39" s="12" t="s">
        <v>32</v>
      </c>
      <c r="B39" s="17">
        <v>203948730</v>
      </c>
      <c r="C39" s="17">
        <v>36058211</v>
      </c>
      <c r="D39" s="17">
        <v>64334818</v>
      </c>
      <c r="E39" s="17">
        <v>13624061</v>
      </c>
      <c r="F39" s="17">
        <v>-2048</v>
      </c>
      <c r="G39" s="17">
        <v>189294136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６年度市町村普通会計決算状況
 （５）イ　積立金現在高（財政調整基金）［&amp;P/&amp;N］&amp;R&amp;"ＭＳ ゴシック,標準"&amp;10
（単位：千円）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/>
  <dimension ref="A1:G39"/>
  <sheetViews>
    <sheetView zoomScaleNormal="100" zoomScaleSheetLayoutView="100" workbookViewId="0"/>
  </sheetViews>
  <sheetFormatPr defaultColWidth="9.19921875" defaultRowHeight="10.8"/>
  <cols>
    <col min="1" max="1" width="14.09765625" style="13" customWidth="1"/>
    <col min="2" max="16384" width="9.199218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14</v>
      </c>
      <c r="C3" s="4" t="s">
        <v>1</v>
      </c>
      <c r="D3" s="4" t="s">
        <v>15</v>
      </c>
      <c r="E3" s="4" t="s">
        <v>16</v>
      </c>
      <c r="F3" s="4" t="s">
        <v>17</v>
      </c>
      <c r="G3" s="4" t="s">
        <v>14</v>
      </c>
    </row>
    <row r="4" spans="1:7" s="3" customFormat="1" ht="17.25" customHeight="1">
      <c r="A4" s="4"/>
      <c r="B4" s="4"/>
      <c r="C4" s="4"/>
      <c r="D4" s="4"/>
      <c r="E4" s="4" t="s">
        <v>18</v>
      </c>
      <c r="F4" s="4"/>
      <c r="G4" s="4" t="s">
        <v>19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20</v>
      </c>
      <c r="F5" s="5" t="s">
        <v>21</v>
      </c>
      <c r="G5" s="6" t="s">
        <v>22</v>
      </c>
    </row>
    <row r="6" spans="1:7" ht="17.25" customHeight="1">
      <c r="A6" s="7" t="s">
        <v>33</v>
      </c>
      <c r="B6" s="14">
        <v>0</v>
      </c>
      <c r="C6" s="14">
        <v>2087058</v>
      </c>
      <c r="D6" s="14">
        <v>2087058</v>
      </c>
      <c r="E6" s="14">
        <v>0</v>
      </c>
      <c r="F6" s="14">
        <v>0</v>
      </c>
      <c r="G6" s="14">
        <v>0</v>
      </c>
    </row>
    <row r="7" spans="1:7" s="10" customFormat="1" ht="17.25" customHeight="1">
      <c r="A7" s="9" t="s">
        <v>34</v>
      </c>
      <c r="B7" s="15">
        <v>1778799</v>
      </c>
      <c r="C7" s="15">
        <v>1293988</v>
      </c>
      <c r="D7" s="15">
        <v>1200000</v>
      </c>
      <c r="E7" s="15">
        <v>0</v>
      </c>
      <c r="F7" s="15">
        <v>0</v>
      </c>
      <c r="G7" s="15">
        <v>1872787</v>
      </c>
    </row>
    <row r="8" spans="1:7" ht="17.25" customHeight="1">
      <c r="A8" s="18" t="s">
        <v>35</v>
      </c>
      <c r="B8" s="19">
        <v>493903</v>
      </c>
      <c r="C8" s="19">
        <v>29342</v>
      </c>
      <c r="D8" s="19">
        <v>0</v>
      </c>
      <c r="E8" s="19">
        <v>0</v>
      </c>
      <c r="F8" s="19">
        <v>0</v>
      </c>
      <c r="G8" s="19">
        <v>523245</v>
      </c>
    </row>
    <row r="9" spans="1:7" ht="17.25" customHeight="1">
      <c r="A9" s="9" t="s">
        <v>36</v>
      </c>
      <c r="B9" s="15">
        <v>2401858</v>
      </c>
      <c r="C9" s="15">
        <v>664521</v>
      </c>
      <c r="D9" s="15">
        <v>73623</v>
      </c>
      <c r="E9" s="15">
        <v>0</v>
      </c>
      <c r="F9" s="15">
        <v>0</v>
      </c>
      <c r="G9" s="15">
        <v>2992756</v>
      </c>
    </row>
    <row r="10" spans="1:7" s="10" customFormat="1" ht="17.25" customHeight="1">
      <c r="A10" s="9" t="s">
        <v>37</v>
      </c>
      <c r="B10" s="15">
        <v>0</v>
      </c>
      <c r="C10" s="15">
        <v>0</v>
      </c>
      <c r="D10" s="15">
        <v>0</v>
      </c>
      <c r="E10" s="15">
        <v>0</v>
      </c>
      <c r="F10" s="15">
        <v>0</v>
      </c>
      <c r="G10" s="15">
        <v>0</v>
      </c>
    </row>
    <row r="11" spans="1:7" s="10" customFormat="1" ht="17.25" customHeight="1">
      <c r="A11" s="9" t="s">
        <v>24</v>
      </c>
      <c r="B11" s="15">
        <v>0</v>
      </c>
      <c r="C11" s="15">
        <v>0</v>
      </c>
      <c r="D11" s="15">
        <v>0</v>
      </c>
      <c r="E11" s="15">
        <v>0</v>
      </c>
      <c r="F11" s="15">
        <v>0</v>
      </c>
      <c r="G11" s="15">
        <v>0</v>
      </c>
    </row>
    <row r="12" spans="1:7" s="10" customFormat="1" ht="17.25" customHeight="1">
      <c r="A12" s="9" t="s">
        <v>38</v>
      </c>
      <c r="B12" s="15">
        <v>0</v>
      </c>
      <c r="C12" s="15">
        <v>0</v>
      </c>
      <c r="D12" s="15">
        <v>0</v>
      </c>
      <c r="E12" s="15">
        <v>0</v>
      </c>
      <c r="F12" s="15">
        <v>0</v>
      </c>
      <c r="G12" s="15">
        <v>0</v>
      </c>
    </row>
    <row r="13" spans="1:7" s="10" customFormat="1" ht="17.25" customHeight="1">
      <c r="A13" s="9" t="s">
        <v>39</v>
      </c>
      <c r="B13" s="15">
        <v>0</v>
      </c>
      <c r="C13" s="15">
        <v>0</v>
      </c>
      <c r="D13" s="15">
        <v>0</v>
      </c>
      <c r="E13" s="15">
        <v>0</v>
      </c>
      <c r="F13" s="15">
        <v>0</v>
      </c>
      <c r="G13" s="15">
        <v>0</v>
      </c>
    </row>
    <row r="14" spans="1:7" s="10" customFormat="1" ht="17.25" customHeight="1">
      <c r="A14" s="9" t="s">
        <v>23</v>
      </c>
      <c r="B14" s="15">
        <v>0</v>
      </c>
      <c r="C14" s="15">
        <v>0</v>
      </c>
      <c r="D14" s="15">
        <v>0</v>
      </c>
      <c r="E14" s="15">
        <v>0</v>
      </c>
      <c r="F14" s="15">
        <v>0</v>
      </c>
      <c r="G14" s="15">
        <v>0</v>
      </c>
    </row>
    <row r="15" spans="1:7" s="10" customFormat="1" ht="17.25" customHeight="1">
      <c r="A15" s="9" t="s">
        <v>40</v>
      </c>
      <c r="B15" s="15">
        <v>0</v>
      </c>
      <c r="C15" s="15">
        <v>0</v>
      </c>
      <c r="D15" s="15">
        <v>0</v>
      </c>
      <c r="E15" s="15">
        <v>0</v>
      </c>
      <c r="F15" s="15">
        <v>0</v>
      </c>
      <c r="G15" s="15">
        <v>0</v>
      </c>
    </row>
    <row r="16" spans="1:7" s="10" customFormat="1" ht="17.25" customHeight="1">
      <c r="A16" s="9" t="s">
        <v>41</v>
      </c>
      <c r="B16" s="15">
        <v>258627</v>
      </c>
      <c r="C16" s="15">
        <v>74638</v>
      </c>
      <c r="D16" s="15">
        <v>28424</v>
      </c>
      <c r="E16" s="15">
        <v>0</v>
      </c>
      <c r="F16" s="15">
        <v>0</v>
      </c>
      <c r="G16" s="15">
        <v>304841</v>
      </c>
    </row>
    <row r="17" spans="1:7" s="10" customFormat="1" ht="17.25" customHeight="1">
      <c r="A17" s="9" t="s">
        <v>42</v>
      </c>
      <c r="B17" s="15">
        <v>0</v>
      </c>
      <c r="C17" s="15">
        <v>0</v>
      </c>
      <c r="D17" s="15">
        <v>0</v>
      </c>
      <c r="E17" s="15">
        <v>0</v>
      </c>
      <c r="F17" s="15">
        <v>0</v>
      </c>
      <c r="G17" s="15">
        <v>0</v>
      </c>
    </row>
    <row r="18" spans="1:7" s="10" customFormat="1" ht="17.25" customHeight="1">
      <c r="A18" s="9" t="s">
        <v>43</v>
      </c>
      <c r="B18" s="15">
        <v>0</v>
      </c>
      <c r="C18" s="15">
        <v>0</v>
      </c>
      <c r="D18" s="15">
        <v>0</v>
      </c>
      <c r="E18" s="15">
        <v>0</v>
      </c>
      <c r="F18" s="15">
        <v>0</v>
      </c>
      <c r="G18" s="15">
        <v>0</v>
      </c>
    </row>
    <row r="19" spans="1:7" s="10" customFormat="1" ht="17.25" customHeight="1">
      <c r="A19" s="9" t="s">
        <v>44</v>
      </c>
      <c r="B19" s="15">
        <v>1667908</v>
      </c>
      <c r="C19" s="15">
        <v>219415</v>
      </c>
      <c r="D19" s="15">
        <v>82407</v>
      </c>
      <c r="E19" s="15">
        <v>0</v>
      </c>
      <c r="F19" s="15">
        <v>0</v>
      </c>
      <c r="G19" s="15">
        <v>1804916</v>
      </c>
    </row>
    <row r="20" spans="1:7" s="10" customFormat="1" ht="17.25" customHeight="1">
      <c r="A20" s="9" t="s">
        <v>45</v>
      </c>
      <c r="B20" s="15">
        <v>0</v>
      </c>
      <c r="C20" s="15">
        <v>0</v>
      </c>
      <c r="D20" s="15">
        <v>0</v>
      </c>
      <c r="E20" s="15">
        <v>0</v>
      </c>
      <c r="F20" s="15">
        <v>0</v>
      </c>
      <c r="G20" s="15">
        <v>0</v>
      </c>
    </row>
    <row r="21" spans="1:7" s="10" customFormat="1" ht="17.25" customHeight="1">
      <c r="A21" s="9" t="s">
        <v>46</v>
      </c>
      <c r="B21" s="15">
        <v>0</v>
      </c>
      <c r="C21" s="15">
        <v>0</v>
      </c>
      <c r="D21" s="15">
        <v>0</v>
      </c>
      <c r="E21" s="15">
        <v>0</v>
      </c>
      <c r="F21" s="15">
        <v>0</v>
      </c>
      <c r="G21" s="15">
        <v>0</v>
      </c>
    </row>
    <row r="22" spans="1:7" s="10" customFormat="1" ht="17.25" customHeight="1">
      <c r="A22" s="9" t="s">
        <v>47</v>
      </c>
      <c r="B22" s="15">
        <v>0</v>
      </c>
      <c r="C22" s="15">
        <v>0</v>
      </c>
      <c r="D22" s="15">
        <v>0</v>
      </c>
      <c r="E22" s="15">
        <v>0</v>
      </c>
      <c r="F22" s="15">
        <v>0</v>
      </c>
      <c r="G22" s="15">
        <v>0</v>
      </c>
    </row>
    <row r="23" spans="1:7" s="10" customFormat="1" ht="17.25" customHeight="1">
      <c r="A23" s="9" t="s">
        <v>25</v>
      </c>
      <c r="B23" s="15">
        <v>0</v>
      </c>
      <c r="C23" s="15">
        <v>0</v>
      </c>
      <c r="D23" s="15">
        <v>0</v>
      </c>
      <c r="E23" s="15">
        <v>0</v>
      </c>
      <c r="F23" s="15">
        <v>0</v>
      </c>
      <c r="G23" s="15">
        <v>0</v>
      </c>
    </row>
    <row r="24" spans="1:7" ht="17.25" customHeight="1">
      <c r="A24" s="18" t="s">
        <v>48</v>
      </c>
      <c r="B24" s="19">
        <v>0</v>
      </c>
      <c r="C24" s="19">
        <v>0</v>
      </c>
      <c r="D24" s="19">
        <v>0</v>
      </c>
      <c r="E24" s="19">
        <v>0</v>
      </c>
      <c r="F24" s="19">
        <v>0</v>
      </c>
      <c r="G24" s="19">
        <v>0</v>
      </c>
    </row>
    <row r="25" spans="1:7" ht="17.25" customHeight="1">
      <c r="A25" s="9" t="s">
        <v>49</v>
      </c>
      <c r="B25" s="15">
        <v>0</v>
      </c>
      <c r="C25" s="15">
        <v>0</v>
      </c>
      <c r="D25" s="15">
        <v>0</v>
      </c>
      <c r="E25" s="15">
        <v>0</v>
      </c>
      <c r="F25" s="15">
        <v>0</v>
      </c>
      <c r="G25" s="15">
        <v>0</v>
      </c>
    </row>
    <row r="26" spans="1:7" s="10" customFormat="1" ht="17.25" customHeight="1">
      <c r="A26" s="9" t="s">
        <v>50</v>
      </c>
      <c r="B26" s="15">
        <v>0</v>
      </c>
      <c r="C26" s="15">
        <v>0</v>
      </c>
      <c r="D26" s="15">
        <v>0</v>
      </c>
      <c r="E26" s="15">
        <v>0</v>
      </c>
      <c r="F26" s="15">
        <v>0</v>
      </c>
      <c r="G26" s="15">
        <v>0</v>
      </c>
    </row>
    <row r="27" spans="1:7" s="10" customFormat="1" ht="17.25" customHeight="1">
      <c r="A27" s="9" t="s">
        <v>51</v>
      </c>
      <c r="B27" s="15">
        <v>410</v>
      </c>
      <c r="C27" s="15">
        <v>1</v>
      </c>
      <c r="D27" s="15">
        <v>0</v>
      </c>
      <c r="E27" s="15">
        <v>0</v>
      </c>
      <c r="F27" s="15">
        <v>0</v>
      </c>
      <c r="G27" s="15">
        <v>411</v>
      </c>
    </row>
    <row r="28" spans="1:7" s="10" customFormat="1" ht="17.25" customHeight="1">
      <c r="A28" s="9" t="s">
        <v>52</v>
      </c>
      <c r="B28" s="15">
        <v>0</v>
      </c>
      <c r="C28" s="15">
        <v>0</v>
      </c>
      <c r="D28" s="15">
        <v>0</v>
      </c>
      <c r="E28" s="15">
        <v>0</v>
      </c>
      <c r="F28" s="15">
        <v>0</v>
      </c>
      <c r="G28" s="15">
        <v>0</v>
      </c>
    </row>
    <row r="29" spans="1:7" s="10" customFormat="1" ht="17.25" customHeight="1">
      <c r="A29" s="9" t="s">
        <v>53</v>
      </c>
      <c r="B29" s="15">
        <v>5870</v>
      </c>
      <c r="C29" s="15">
        <v>0</v>
      </c>
      <c r="D29" s="15">
        <v>0</v>
      </c>
      <c r="E29" s="15">
        <v>0</v>
      </c>
      <c r="F29" s="15">
        <v>0</v>
      </c>
      <c r="G29" s="15">
        <v>5870</v>
      </c>
    </row>
    <row r="30" spans="1:7" s="10" customFormat="1" ht="17.25" customHeight="1">
      <c r="A30" s="9" t="s">
        <v>54</v>
      </c>
      <c r="B30" s="15">
        <v>0</v>
      </c>
      <c r="C30" s="15">
        <v>0</v>
      </c>
      <c r="D30" s="15">
        <v>0</v>
      </c>
      <c r="E30" s="15">
        <v>0</v>
      </c>
      <c r="F30" s="15">
        <v>0</v>
      </c>
      <c r="G30" s="15">
        <v>0</v>
      </c>
    </row>
    <row r="31" spans="1:7" s="10" customFormat="1" ht="17.25" customHeight="1">
      <c r="A31" s="9" t="s">
        <v>55</v>
      </c>
      <c r="B31" s="15">
        <v>18363</v>
      </c>
      <c r="C31" s="15">
        <v>22843</v>
      </c>
      <c r="D31" s="15">
        <v>8789</v>
      </c>
      <c r="E31" s="15">
        <v>0</v>
      </c>
      <c r="F31" s="15">
        <v>0</v>
      </c>
      <c r="G31" s="15">
        <v>32417</v>
      </c>
    </row>
    <row r="32" spans="1:7" s="10" customFormat="1" ht="17.25" customHeight="1">
      <c r="A32" s="9" t="s">
        <v>56</v>
      </c>
      <c r="B32" s="15">
        <v>3821</v>
      </c>
      <c r="C32" s="15">
        <v>0</v>
      </c>
      <c r="D32" s="15">
        <v>0</v>
      </c>
      <c r="E32" s="15">
        <v>0</v>
      </c>
      <c r="F32" s="15">
        <v>0</v>
      </c>
      <c r="G32" s="15">
        <v>3821</v>
      </c>
    </row>
    <row r="33" spans="1:7" s="10" customFormat="1" ht="17.25" customHeight="1">
      <c r="A33" s="9" t="s">
        <v>26</v>
      </c>
      <c r="B33" s="15">
        <v>33626</v>
      </c>
      <c r="C33" s="15">
        <v>27777</v>
      </c>
      <c r="D33" s="15">
        <v>10356</v>
      </c>
      <c r="E33" s="15">
        <v>0</v>
      </c>
      <c r="F33" s="15">
        <v>0</v>
      </c>
      <c r="G33" s="15">
        <v>51047</v>
      </c>
    </row>
    <row r="34" spans="1:7" s="10" customFormat="1" ht="17.25" customHeight="1">
      <c r="A34" s="9" t="s">
        <v>27</v>
      </c>
      <c r="B34" s="15">
        <v>0</v>
      </c>
      <c r="C34" s="15">
        <v>0</v>
      </c>
      <c r="D34" s="15">
        <v>0</v>
      </c>
      <c r="E34" s="15">
        <v>0</v>
      </c>
      <c r="F34" s="15">
        <v>0</v>
      </c>
      <c r="G34" s="15">
        <v>0</v>
      </c>
    </row>
    <row r="35" spans="1:7" s="10" customFormat="1" ht="17.25" customHeight="1">
      <c r="A35" s="9" t="s">
        <v>28</v>
      </c>
      <c r="B35" s="15">
        <v>12520</v>
      </c>
      <c r="C35" s="15">
        <v>15982</v>
      </c>
      <c r="D35" s="15">
        <v>6259</v>
      </c>
      <c r="E35" s="15">
        <v>0</v>
      </c>
      <c r="F35" s="15">
        <v>0</v>
      </c>
      <c r="G35" s="15">
        <v>22243</v>
      </c>
    </row>
    <row r="36" spans="1:7" s="10" customFormat="1" ht="17.25" customHeight="1">
      <c r="A36" s="9" t="s">
        <v>29</v>
      </c>
      <c r="B36" s="15">
        <v>2426</v>
      </c>
      <c r="C36" s="15">
        <v>0</v>
      </c>
      <c r="D36" s="15">
        <v>0</v>
      </c>
      <c r="E36" s="15">
        <v>0</v>
      </c>
      <c r="F36" s="15">
        <v>0</v>
      </c>
      <c r="G36" s="15">
        <v>2426</v>
      </c>
    </row>
    <row r="37" spans="1:7" s="10" customFormat="1" ht="17.25" customHeight="1">
      <c r="A37" s="9" t="s">
        <v>30</v>
      </c>
      <c r="B37" s="15">
        <v>0</v>
      </c>
      <c r="C37" s="15">
        <v>0</v>
      </c>
      <c r="D37" s="15">
        <v>0</v>
      </c>
      <c r="E37" s="15">
        <v>0</v>
      </c>
      <c r="F37" s="15">
        <v>0</v>
      </c>
      <c r="G37" s="15">
        <v>0</v>
      </c>
    </row>
    <row r="38" spans="1:7" ht="17.25" customHeight="1">
      <c r="A38" s="11" t="s">
        <v>31</v>
      </c>
      <c r="B38" s="16">
        <v>0</v>
      </c>
      <c r="C38" s="16">
        <v>0</v>
      </c>
      <c r="D38" s="16">
        <v>0</v>
      </c>
      <c r="E38" s="16">
        <v>0</v>
      </c>
      <c r="F38" s="16">
        <v>0</v>
      </c>
      <c r="G38" s="16">
        <v>0</v>
      </c>
    </row>
    <row r="39" spans="1:7" ht="17.25" customHeight="1">
      <c r="A39" s="12" t="s">
        <v>32</v>
      </c>
      <c r="B39" s="17">
        <v>6678131</v>
      </c>
      <c r="C39" s="17">
        <v>4435565</v>
      </c>
      <c r="D39" s="17">
        <v>3496916</v>
      </c>
      <c r="E39" s="17">
        <v>0</v>
      </c>
      <c r="F39" s="17">
        <v>0</v>
      </c>
      <c r="G39" s="17">
        <v>7616780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６年度市町村普通会計決算状況
 （５）ウ　積立金現在高（減債基金）［&amp;P/&amp;N］&amp;R&amp;"ＭＳ ゴシック,標準"&amp;10
（単位：千円）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/>
  <dimension ref="A1:G39"/>
  <sheetViews>
    <sheetView zoomScaleNormal="100" zoomScaleSheetLayoutView="100" workbookViewId="0"/>
  </sheetViews>
  <sheetFormatPr defaultColWidth="9.19921875" defaultRowHeight="10.8"/>
  <cols>
    <col min="1" max="1" width="14.09765625" style="13" customWidth="1"/>
    <col min="2" max="16384" width="9.199218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22"/>
      <c r="G2" s="4" t="s">
        <v>59</v>
      </c>
    </row>
    <row r="3" spans="1:7" s="3" customFormat="1" ht="17.25" customHeight="1">
      <c r="A3" s="4"/>
      <c r="B3" s="4" t="s">
        <v>14</v>
      </c>
      <c r="C3" s="4" t="s">
        <v>1</v>
      </c>
      <c r="D3" s="4" t="s">
        <v>15</v>
      </c>
      <c r="E3" s="4" t="s">
        <v>16</v>
      </c>
      <c r="F3" s="22" t="s">
        <v>17</v>
      </c>
      <c r="G3" s="4" t="s">
        <v>14</v>
      </c>
    </row>
    <row r="4" spans="1:7" s="3" customFormat="1" ht="17.25" customHeight="1">
      <c r="A4" s="4"/>
      <c r="B4" s="4"/>
      <c r="C4" s="4"/>
      <c r="D4" s="4"/>
      <c r="E4" s="4" t="s">
        <v>18</v>
      </c>
      <c r="F4" s="22"/>
      <c r="G4" s="4" t="s">
        <v>19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20</v>
      </c>
      <c r="F5" s="23" t="s">
        <v>21</v>
      </c>
      <c r="G5" s="6" t="s">
        <v>22</v>
      </c>
    </row>
    <row r="6" spans="1:7" ht="17.25" customHeight="1">
      <c r="A6" s="7" t="s">
        <v>33</v>
      </c>
      <c r="B6" s="14">
        <v>19705791</v>
      </c>
      <c r="C6" s="14">
        <v>8593082</v>
      </c>
      <c r="D6" s="14">
        <v>3566870</v>
      </c>
      <c r="E6" s="14">
        <v>0</v>
      </c>
      <c r="F6" s="14">
        <v>0</v>
      </c>
      <c r="G6" s="14">
        <v>24732003</v>
      </c>
    </row>
    <row r="7" spans="1:7" s="10" customFormat="1" ht="17.25" customHeight="1">
      <c r="A7" s="9" t="s">
        <v>34</v>
      </c>
      <c r="B7" s="15">
        <v>24272082</v>
      </c>
      <c r="C7" s="15">
        <v>879487</v>
      </c>
      <c r="D7" s="15">
        <v>2077168</v>
      </c>
      <c r="E7" s="15">
        <v>0</v>
      </c>
      <c r="F7" s="15">
        <v>0</v>
      </c>
      <c r="G7" s="15">
        <v>23074401</v>
      </c>
    </row>
    <row r="8" spans="1:7" ht="17.25" customHeight="1">
      <c r="A8" s="20" t="s">
        <v>35</v>
      </c>
      <c r="B8" s="21">
        <v>24649447</v>
      </c>
      <c r="C8" s="21">
        <v>4971703</v>
      </c>
      <c r="D8" s="21">
        <v>3680123</v>
      </c>
      <c r="E8" s="21">
        <v>0</v>
      </c>
      <c r="F8" s="21">
        <v>0</v>
      </c>
      <c r="G8" s="21">
        <v>25941027</v>
      </c>
    </row>
    <row r="9" spans="1:7" ht="17.25" customHeight="1">
      <c r="A9" s="9" t="s">
        <v>36</v>
      </c>
      <c r="B9" s="15">
        <v>3712186</v>
      </c>
      <c r="C9" s="15">
        <v>1268007</v>
      </c>
      <c r="D9" s="15">
        <v>1409720</v>
      </c>
      <c r="E9" s="15">
        <v>0</v>
      </c>
      <c r="F9" s="15">
        <v>2</v>
      </c>
      <c r="G9" s="15">
        <v>3570475</v>
      </c>
    </row>
    <row r="10" spans="1:7" s="10" customFormat="1" ht="17.25" customHeight="1">
      <c r="A10" s="9" t="s">
        <v>37</v>
      </c>
      <c r="B10" s="15">
        <v>11624054</v>
      </c>
      <c r="C10" s="15">
        <v>2559415</v>
      </c>
      <c r="D10" s="15">
        <v>2642521</v>
      </c>
      <c r="E10" s="15">
        <v>0</v>
      </c>
      <c r="F10" s="15">
        <v>0</v>
      </c>
      <c r="G10" s="15">
        <v>11540948</v>
      </c>
    </row>
    <row r="11" spans="1:7" s="10" customFormat="1" ht="17.25" customHeight="1">
      <c r="A11" s="9" t="s">
        <v>24</v>
      </c>
      <c r="B11" s="15">
        <v>7408560</v>
      </c>
      <c r="C11" s="15">
        <v>482824</v>
      </c>
      <c r="D11" s="15">
        <v>164898</v>
      </c>
      <c r="E11" s="15">
        <v>0</v>
      </c>
      <c r="F11" s="15">
        <v>0</v>
      </c>
      <c r="G11" s="15">
        <v>7726486</v>
      </c>
    </row>
    <row r="12" spans="1:7" s="10" customFormat="1" ht="17.25" customHeight="1">
      <c r="A12" s="9" t="s">
        <v>38</v>
      </c>
      <c r="B12" s="15">
        <v>10366766</v>
      </c>
      <c r="C12" s="15">
        <v>1550322</v>
      </c>
      <c r="D12" s="15">
        <v>1342385</v>
      </c>
      <c r="E12" s="15">
        <v>0</v>
      </c>
      <c r="F12" s="15">
        <v>0</v>
      </c>
      <c r="G12" s="15">
        <v>10574703</v>
      </c>
    </row>
    <row r="13" spans="1:7" s="10" customFormat="1" ht="17.25" customHeight="1">
      <c r="A13" s="9" t="s">
        <v>39</v>
      </c>
      <c r="B13" s="15">
        <v>2847221</v>
      </c>
      <c r="C13" s="15">
        <v>25758</v>
      </c>
      <c r="D13" s="15">
        <v>105920</v>
      </c>
      <c r="E13" s="15">
        <v>0</v>
      </c>
      <c r="F13" s="15">
        <v>1</v>
      </c>
      <c r="G13" s="15">
        <v>2767060</v>
      </c>
    </row>
    <row r="14" spans="1:7" s="10" customFormat="1" ht="17.25" customHeight="1">
      <c r="A14" s="9" t="s">
        <v>23</v>
      </c>
      <c r="B14" s="15">
        <v>13198412</v>
      </c>
      <c r="C14" s="15">
        <v>3768776</v>
      </c>
      <c r="D14" s="15">
        <v>757249</v>
      </c>
      <c r="E14" s="15">
        <v>0</v>
      </c>
      <c r="F14" s="15">
        <v>1</v>
      </c>
      <c r="G14" s="15">
        <v>16209940</v>
      </c>
    </row>
    <row r="15" spans="1:7" s="10" customFormat="1" ht="17.25" customHeight="1">
      <c r="A15" s="9" t="s">
        <v>40</v>
      </c>
      <c r="B15" s="15">
        <v>2277216</v>
      </c>
      <c r="C15" s="15">
        <v>818204</v>
      </c>
      <c r="D15" s="15">
        <v>834629</v>
      </c>
      <c r="E15" s="15">
        <v>0</v>
      </c>
      <c r="F15" s="15">
        <v>0</v>
      </c>
      <c r="G15" s="15">
        <v>2260791</v>
      </c>
    </row>
    <row r="16" spans="1:7" s="10" customFormat="1" ht="17.25" customHeight="1">
      <c r="A16" s="9" t="s">
        <v>41</v>
      </c>
      <c r="B16" s="15">
        <v>3496130</v>
      </c>
      <c r="C16" s="15">
        <v>315864</v>
      </c>
      <c r="D16" s="15">
        <v>702414</v>
      </c>
      <c r="E16" s="15">
        <v>0</v>
      </c>
      <c r="F16" s="15">
        <v>0</v>
      </c>
      <c r="G16" s="15">
        <v>3109580</v>
      </c>
    </row>
    <row r="17" spans="1:7" s="10" customFormat="1" ht="17.25" customHeight="1">
      <c r="A17" s="9" t="s">
        <v>42</v>
      </c>
      <c r="B17" s="15">
        <v>1501276</v>
      </c>
      <c r="C17" s="15">
        <v>347795</v>
      </c>
      <c r="D17" s="15">
        <v>301932</v>
      </c>
      <c r="E17" s="15">
        <v>0</v>
      </c>
      <c r="F17" s="15">
        <v>-1</v>
      </c>
      <c r="G17" s="15">
        <v>1547138</v>
      </c>
    </row>
    <row r="18" spans="1:7" s="10" customFormat="1" ht="17.25" customHeight="1">
      <c r="A18" s="9" t="s">
        <v>43</v>
      </c>
      <c r="B18" s="15">
        <v>15489010</v>
      </c>
      <c r="C18" s="15">
        <v>175896</v>
      </c>
      <c r="D18" s="15">
        <v>455292</v>
      </c>
      <c r="E18" s="15">
        <v>0</v>
      </c>
      <c r="F18" s="15">
        <v>0</v>
      </c>
      <c r="G18" s="15">
        <v>15209614</v>
      </c>
    </row>
    <row r="19" spans="1:7" s="10" customFormat="1" ht="17.25" customHeight="1">
      <c r="A19" s="9" t="s">
        <v>44</v>
      </c>
      <c r="B19" s="15">
        <v>478808</v>
      </c>
      <c r="C19" s="15">
        <v>48681</v>
      </c>
      <c r="D19" s="15">
        <v>190077</v>
      </c>
      <c r="E19" s="15">
        <v>0</v>
      </c>
      <c r="F19" s="15">
        <v>0</v>
      </c>
      <c r="G19" s="15">
        <v>337412</v>
      </c>
    </row>
    <row r="20" spans="1:7" s="10" customFormat="1" ht="17.25" customHeight="1">
      <c r="A20" s="9" t="s">
        <v>45</v>
      </c>
      <c r="B20" s="15">
        <v>1108357</v>
      </c>
      <c r="C20" s="15">
        <v>250918</v>
      </c>
      <c r="D20" s="15">
        <v>44781</v>
      </c>
      <c r="E20" s="15">
        <v>0</v>
      </c>
      <c r="F20" s="15">
        <v>-1</v>
      </c>
      <c r="G20" s="15">
        <v>1314493</v>
      </c>
    </row>
    <row r="21" spans="1:7" s="10" customFormat="1" ht="17.25" customHeight="1">
      <c r="A21" s="9" t="s">
        <v>46</v>
      </c>
      <c r="B21" s="15">
        <v>6197195</v>
      </c>
      <c r="C21" s="15">
        <v>1377768</v>
      </c>
      <c r="D21" s="15">
        <v>1506663</v>
      </c>
      <c r="E21" s="15">
        <v>0</v>
      </c>
      <c r="F21" s="15">
        <v>0</v>
      </c>
      <c r="G21" s="15">
        <v>6068300</v>
      </c>
    </row>
    <row r="22" spans="1:7" s="10" customFormat="1" ht="17.25" customHeight="1">
      <c r="A22" s="9" t="s">
        <v>47</v>
      </c>
      <c r="B22" s="15">
        <v>1018416</v>
      </c>
      <c r="C22" s="15">
        <v>362929</v>
      </c>
      <c r="D22" s="15">
        <v>648991</v>
      </c>
      <c r="E22" s="15">
        <v>0</v>
      </c>
      <c r="F22" s="15">
        <v>1</v>
      </c>
      <c r="G22" s="15">
        <v>732355</v>
      </c>
    </row>
    <row r="23" spans="1:7" s="10" customFormat="1" ht="17.25" customHeight="1">
      <c r="A23" s="9" t="s">
        <v>25</v>
      </c>
      <c r="B23" s="15">
        <v>3477982</v>
      </c>
      <c r="C23" s="15">
        <v>472653</v>
      </c>
      <c r="D23" s="15">
        <v>660508</v>
      </c>
      <c r="E23" s="15">
        <v>0</v>
      </c>
      <c r="F23" s="15">
        <v>0</v>
      </c>
      <c r="G23" s="15">
        <v>3290127</v>
      </c>
    </row>
    <row r="24" spans="1:7" ht="17.25" customHeight="1">
      <c r="A24" s="18" t="s">
        <v>48</v>
      </c>
      <c r="B24" s="19">
        <v>4967131</v>
      </c>
      <c r="C24" s="19">
        <v>422736</v>
      </c>
      <c r="D24" s="19">
        <v>492551</v>
      </c>
      <c r="E24" s="19">
        <v>0</v>
      </c>
      <c r="F24" s="19">
        <v>0</v>
      </c>
      <c r="G24" s="19">
        <v>4897316</v>
      </c>
    </row>
    <row r="25" spans="1:7" ht="17.25" customHeight="1">
      <c r="A25" s="9" t="s">
        <v>49</v>
      </c>
      <c r="B25" s="15">
        <v>2387514</v>
      </c>
      <c r="C25" s="15">
        <v>486170</v>
      </c>
      <c r="D25" s="15">
        <v>321500</v>
      </c>
      <c r="E25" s="15">
        <v>0</v>
      </c>
      <c r="F25" s="15">
        <v>0</v>
      </c>
      <c r="G25" s="15">
        <v>2552184</v>
      </c>
    </row>
    <row r="26" spans="1:7" s="10" customFormat="1" ht="17.25" customHeight="1">
      <c r="A26" s="9" t="s">
        <v>50</v>
      </c>
      <c r="B26" s="15">
        <v>2979161</v>
      </c>
      <c r="C26" s="15">
        <v>255521</v>
      </c>
      <c r="D26" s="15">
        <v>34058</v>
      </c>
      <c r="E26" s="15">
        <v>0</v>
      </c>
      <c r="F26" s="15">
        <v>0</v>
      </c>
      <c r="G26" s="15">
        <v>3200624</v>
      </c>
    </row>
    <row r="27" spans="1:7" s="10" customFormat="1" ht="17.25" customHeight="1">
      <c r="A27" s="9" t="s">
        <v>51</v>
      </c>
      <c r="B27" s="15">
        <v>3482084</v>
      </c>
      <c r="C27" s="15">
        <v>147174</v>
      </c>
      <c r="D27" s="15">
        <v>182604</v>
      </c>
      <c r="E27" s="15">
        <v>0</v>
      </c>
      <c r="F27" s="15">
        <v>0</v>
      </c>
      <c r="G27" s="15">
        <v>3446654</v>
      </c>
    </row>
    <row r="28" spans="1:7" s="10" customFormat="1" ht="17.25" customHeight="1">
      <c r="A28" s="9" t="s">
        <v>52</v>
      </c>
      <c r="B28" s="15">
        <v>1550334</v>
      </c>
      <c r="C28" s="15">
        <v>109308</v>
      </c>
      <c r="D28" s="15">
        <v>110800</v>
      </c>
      <c r="E28" s="15">
        <v>0</v>
      </c>
      <c r="F28" s="15">
        <v>0</v>
      </c>
      <c r="G28" s="15">
        <v>1548842</v>
      </c>
    </row>
    <row r="29" spans="1:7" s="10" customFormat="1" ht="17.25" customHeight="1">
      <c r="A29" s="9" t="s">
        <v>53</v>
      </c>
      <c r="B29" s="15">
        <v>1058850</v>
      </c>
      <c r="C29" s="15">
        <v>2466</v>
      </c>
      <c r="D29" s="15">
        <v>0</v>
      </c>
      <c r="E29" s="15">
        <v>0</v>
      </c>
      <c r="F29" s="15">
        <v>0</v>
      </c>
      <c r="G29" s="15">
        <v>1061316</v>
      </c>
    </row>
    <row r="30" spans="1:7" s="10" customFormat="1" ht="17.25" customHeight="1">
      <c r="A30" s="9" t="s">
        <v>54</v>
      </c>
      <c r="B30" s="15">
        <v>622565</v>
      </c>
      <c r="C30" s="15">
        <v>23152</v>
      </c>
      <c r="D30" s="15">
        <v>0</v>
      </c>
      <c r="E30" s="15">
        <v>0</v>
      </c>
      <c r="F30" s="15">
        <v>0</v>
      </c>
      <c r="G30" s="15">
        <v>645717</v>
      </c>
    </row>
    <row r="31" spans="1:7" s="10" customFormat="1" ht="17.25" customHeight="1">
      <c r="A31" s="9" t="s">
        <v>55</v>
      </c>
      <c r="B31" s="15">
        <v>884521</v>
      </c>
      <c r="C31" s="15">
        <v>326188</v>
      </c>
      <c r="D31" s="15">
        <v>138380</v>
      </c>
      <c r="E31" s="15">
        <v>0</v>
      </c>
      <c r="F31" s="15">
        <v>0</v>
      </c>
      <c r="G31" s="15">
        <v>1072329</v>
      </c>
    </row>
    <row r="32" spans="1:7" s="10" customFormat="1" ht="17.25" customHeight="1">
      <c r="A32" s="9" t="s">
        <v>56</v>
      </c>
      <c r="B32" s="15">
        <v>1814254</v>
      </c>
      <c r="C32" s="15">
        <v>354168</v>
      </c>
      <c r="D32" s="15">
        <v>108882</v>
      </c>
      <c r="E32" s="15">
        <v>0</v>
      </c>
      <c r="F32" s="15">
        <v>0</v>
      </c>
      <c r="G32" s="15">
        <v>2059540</v>
      </c>
    </row>
    <row r="33" spans="1:7" s="10" customFormat="1" ht="17.25" customHeight="1">
      <c r="A33" s="9" t="s">
        <v>26</v>
      </c>
      <c r="B33" s="15">
        <v>767198</v>
      </c>
      <c r="C33" s="15">
        <v>2627</v>
      </c>
      <c r="D33" s="15">
        <v>62160</v>
      </c>
      <c r="E33" s="15">
        <v>0</v>
      </c>
      <c r="F33" s="15">
        <v>0</v>
      </c>
      <c r="G33" s="15">
        <v>707665</v>
      </c>
    </row>
    <row r="34" spans="1:7" s="10" customFormat="1" ht="17.25" customHeight="1">
      <c r="A34" s="9" t="s">
        <v>27</v>
      </c>
      <c r="B34" s="15">
        <v>503253</v>
      </c>
      <c r="C34" s="15">
        <v>8514</v>
      </c>
      <c r="D34" s="15">
        <v>16271</v>
      </c>
      <c r="E34" s="15">
        <v>0</v>
      </c>
      <c r="F34" s="15">
        <v>0</v>
      </c>
      <c r="G34" s="15">
        <v>495496</v>
      </c>
    </row>
    <row r="35" spans="1:7" s="10" customFormat="1" ht="17.25" customHeight="1">
      <c r="A35" s="9" t="s">
        <v>28</v>
      </c>
      <c r="B35" s="15">
        <v>418005</v>
      </c>
      <c r="C35" s="15">
        <v>165698</v>
      </c>
      <c r="D35" s="15">
        <v>28064</v>
      </c>
      <c r="E35" s="15">
        <v>0</v>
      </c>
      <c r="F35" s="15">
        <v>0</v>
      </c>
      <c r="G35" s="15">
        <v>555639</v>
      </c>
    </row>
    <row r="36" spans="1:7" s="10" customFormat="1" ht="17.25" customHeight="1">
      <c r="A36" s="9" t="s">
        <v>29</v>
      </c>
      <c r="B36" s="15">
        <v>1278830</v>
      </c>
      <c r="C36" s="15">
        <v>992847</v>
      </c>
      <c r="D36" s="15">
        <v>731266</v>
      </c>
      <c r="E36" s="15">
        <v>0</v>
      </c>
      <c r="F36" s="15">
        <v>0</v>
      </c>
      <c r="G36" s="15">
        <v>1540411</v>
      </c>
    </row>
    <row r="37" spans="1:7" s="10" customFormat="1" ht="17.25" customHeight="1">
      <c r="A37" s="9" t="s">
        <v>30</v>
      </c>
      <c r="B37" s="15">
        <v>1383457</v>
      </c>
      <c r="C37" s="15">
        <v>209263</v>
      </c>
      <c r="D37" s="15">
        <v>78481</v>
      </c>
      <c r="E37" s="15">
        <v>0</v>
      </c>
      <c r="F37" s="15">
        <v>0</v>
      </c>
      <c r="G37" s="15">
        <v>1514239</v>
      </c>
    </row>
    <row r="38" spans="1:7" ht="17.25" customHeight="1">
      <c r="A38" s="11" t="s">
        <v>31</v>
      </c>
      <c r="B38" s="16">
        <v>1199010</v>
      </c>
      <c r="C38" s="16">
        <v>251616</v>
      </c>
      <c r="D38" s="16">
        <v>277478</v>
      </c>
      <c r="E38" s="16">
        <v>0</v>
      </c>
      <c r="F38" s="16">
        <v>0</v>
      </c>
      <c r="G38" s="16">
        <v>1173148</v>
      </c>
    </row>
    <row r="39" spans="1:7" ht="17.25" customHeight="1">
      <c r="A39" s="12" t="s">
        <v>32</v>
      </c>
      <c r="B39" s="17">
        <v>178125076</v>
      </c>
      <c r="C39" s="17">
        <v>32027530</v>
      </c>
      <c r="D39" s="17">
        <v>23674636</v>
      </c>
      <c r="E39" s="17">
        <v>0</v>
      </c>
      <c r="F39" s="17">
        <v>3</v>
      </c>
      <c r="G39" s="17">
        <v>186477973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６年度市町村普通会計決算状況
 （５）エ　積立金現在高（その他特定目的基金）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8</vt:i4>
      </vt:variant>
    </vt:vector>
  </HeadingPairs>
  <TitlesOfParts>
    <vt:vector size="12" baseType="lpstr">
      <vt:lpstr>15-1(積立金合計)</vt:lpstr>
      <vt:lpstr>15-2（財調）</vt:lpstr>
      <vt:lpstr>15-3（減債）</vt:lpstr>
      <vt:lpstr>15-4（その他特目）</vt:lpstr>
      <vt:lpstr>'15-1(積立金合計)'!Print_Area</vt:lpstr>
      <vt:lpstr>'15-2（財調）'!Print_Area</vt:lpstr>
      <vt:lpstr>'15-3（減債）'!Print_Area</vt:lpstr>
      <vt:lpstr>'15-4（その他特目）'!Print_Area</vt:lpstr>
      <vt:lpstr>'15-1(積立金合計)'!Print_Titles</vt:lpstr>
      <vt:lpstr>'15-2（財調）'!Print_Titles</vt:lpstr>
      <vt:lpstr>'15-3（減債）'!Print_Titles</vt:lpstr>
      <vt:lpstr>'15-4（その他特目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5-02-12T09:45:07Z</cp:lastPrinted>
  <dcterms:created xsi:type="dcterms:W3CDTF">2013-03-18T10:12:13Z</dcterms:created>
  <dcterms:modified xsi:type="dcterms:W3CDTF">2026-02-26T01:20:33Z</dcterms:modified>
</cp:coreProperties>
</file>